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0564\Desktop\08 届出関係\ホームページ\"/>
    </mc:Choice>
  </mc:AlternateContent>
  <bookViews>
    <workbookView xWindow="0" yWindow="0" windowWidth="15345" windowHeight="4485"/>
  </bookViews>
  <sheets>
    <sheet name="現金出納台帳" sheetId="1" r:id="rId1"/>
  </sheets>
  <definedNames>
    <definedName name="_xlnm.Print_Area" localSheetId="0">現金出納台帳!$A$1:$AE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22">
  <si>
    <t>預 入 れ</t>
    <rPh sb="0" eb="1">
      <t>アズカリ</t>
    </rPh>
    <rPh sb="2" eb="3">
      <t>ニュウ</t>
    </rPh>
    <phoneticPr fontId="1"/>
  </si>
  <si>
    <t>払 出 し</t>
    <rPh sb="0" eb="1">
      <t>フツ</t>
    </rPh>
    <rPh sb="2" eb="3">
      <t>デ</t>
    </rPh>
    <phoneticPr fontId="1"/>
  </si>
  <si>
    <t>日　　　時</t>
    <rPh sb="0" eb="1">
      <t>ヒ</t>
    </rPh>
    <rPh sb="4" eb="5">
      <t>トキ</t>
    </rPh>
    <phoneticPr fontId="1"/>
  </si>
  <si>
    <t>摘　　　要</t>
    <rPh sb="0" eb="1">
      <t>テキ</t>
    </rPh>
    <rPh sb="4" eb="5">
      <t>ヨウ</t>
    </rPh>
    <phoneticPr fontId="1"/>
  </si>
  <si>
    <t>千</t>
    <rPh sb="0" eb="1">
      <t>セン</t>
    </rPh>
    <phoneticPr fontId="1"/>
  </si>
  <si>
    <t xml:space="preserve"> 本人：　記載額を受け取りました。
 出納担当：　払出し後の額が右の保管現金残高であることを確認しました。</t>
    <rPh sb="1" eb="3">
      <t>ホンニン</t>
    </rPh>
    <rPh sb="5" eb="7">
      <t>キサイ</t>
    </rPh>
    <rPh sb="7" eb="8">
      <t>ガク</t>
    </rPh>
    <rPh sb="9" eb="10">
      <t>ウ</t>
    </rPh>
    <rPh sb="11" eb="12">
      <t>ト</t>
    </rPh>
    <rPh sb="25" eb="27">
      <t>ハライダ</t>
    </rPh>
    <rPh sb="28" eb="29">
      <t>ゴ</t>
    </rPh>
    <rPh sb="30" eb="31">
      <t>ガク</t>
    </rPh>
    <rPh sb="32" eb="33">
      <t>ミギ</t>
    </rPh>
    <rPh sb="34" eb="36">
      <t>ホカン</t>
    </rPh>
    <rPh sb="36" eb="38">
      <t>ゲンキン</t>
    </rPh>
    <rPh sb="38" eb="40">
      <t>ザンダカ</t>
    </rPh>
    <rPh sb="46" eb="48">
      <t>カクニン</t>
    </rPh>
    <phoneticPr fontId="1"/>
  </si>
  <si>
    <t>本人</t>
    <rPh sb="0" eb="2">
      <t>ホンニン</t>
    </rPh>
    <phoneticPr fontId="1"/>
  </si>
  <si>
    <t>出納担当１</t>
    <rPh sb="0" eb="2">
      <t>スイトウ</t>
    </rPh>
    <rPh sb="2" eb="4">
      <t>タントウ</t>
    </rPh>
    <phoneticPr fontId="1"/>
  </si>
  <si>
    <t>出納担当２</t>
    <rPh sb="0" eb="2">
      <t>スイトウ</t>
    </rPh>
    <rPh sb="2" eb="4">
      <t>タントウ</t>
    </rPh>
    <phoneticPr fontId="1"/>
  </si>
  <si>
    <t>　令和　　　年</t>
    <rPh sb="1" eb="3">
      <t>レイワ</t>
    </rPh>
    <rPh sb="6" eb="7">
      <t>ネン</t>
    </rPh>
    <phoneticPr fontId="1"/>
  </si>
  <si>
    <t>確 認 印</t>
    <rPh sb="0" eb="1">
      <t>アキラ</t>
    </rPh>
    <rPh sb="2" eb="3">
      <t>ニン</t>
    </rPh>
    <rPh sb="4" eb="5">
      <t>イン</t>
    </rPh>
    <phoneticPr fontId="1"/>
  </si>
  <si>
    <t>　入居者（本人）   　　　　　                        様　　</t>
    <rPh sb="1" eb="4">
      <t>ニュウキョシャ</t>
    </rPh>
    <rPh sb="5" eb="7">
      <t>ホンニン</t>
    </rPh>
    <rPh sb="40" eb="41">
      <t>サマ</t>
    </rPh>
    <phoneticPr fontId="1"/>
  </si>
  <si>
    <t>管理責任者
確認（月1回）</t>
    <rPh sb="0" eb="2">
      <t>カンリ</t>
    </rPh>
    <rPh sb="2" eb="4">
      <t>セキニン</t>
    </rPh>
    <rPh sb="4" eb="5">
      <t>シャ</t>
    </rPh>
    <rPh sb="6" eb="8">
      <t>カクニン</t>
    </rPh>
    <rPh sb="9" eb="10">
      <t>ツキ</t>
    </rPh>
    <rPh sb="11" eb="12">
      <t>カイ</t>
    </rPh>
    <phoneticPr fontId="1"/>
  </si>
  <si>
    <t>　／</t>
    <phoneticPr fontId="1"/>
  </si>
  <si>
    <r>
      <rPr>
        <b/>
        <sz val="36"/>
        <color theme="1"/>
        <rFont val="ＭＳ Ｐゴシック"/>
        <family val="3"/>
        <charset val="128"/>
      </rPr>
      <t>現 金 出 納 台 帳</t>
    </r>
    <r>
      <rPr>
        <sz val="22"/>
        <color theme="1"/>
        <rFont val="ＭＳ Ｐゴシック"/>
        <family val="3"/>
        <charset val="128"/>
      </rPr>
      <t/>
    </r>
    <rPh sb="0" eb="1">
      <t>ゲン</t>
    </rPh>
    <rPh sb="2" eb="3">
      <t>カネ</t>
    </rPh>
    <rPh sb="4" eb="5">
      <t>デ</t>
    </rPh>
    <rPh sb="6" eb="7">
      <t>オサメ</t>
    </rPh>
    <rPh sb="8" eb="9">
      <t>ダイ</t>
    </rPh>
    <rPh sb="10" eb="11">
      <t>トバリ</t>
    </rPh>
    <phoneticPr fontId="1"/>
  </si>
  <si>
    <t xml:space="preserve"> 本人：　記載額を預けます。
 出納担当：　預入れ後の額が右の保管現金残高であることを確認しました。</t>
    <rPh sb="1" eb="3">
      <t>ホンニン</t>
    </rPh>
    <rPh sb="5" eb="7">
      <t>キサイ</t>
    </rPh>
    <rPh sb="7" eb="8">
      <t>ガク</t>
    </rPh>
    <rPh sb="9" eb="10">
      <t>アズ</t>
    </rPh>
    <rPh sb="22" eb="24">
      <t>アズケイ</t>
    </rPh>
    <rPh sb="25" eb="26">
      <t>ゴ</t>
    </rPh>
    <rPh sb="27" eb="28">
      <t>ガク</t>
    </rPh>
    <rPh sb="29" eb="30">
      <t>ミギ</t>
    </rPh>
    <rPh sb="35" eb="37">
      <t>ザンダカ</t>
    </rPh>
    <rPh sb="43" eb="45">
      <t>カクニン</t>
    </rPh>
    <phoneticPr fontId="1"/>
  </si>
  <si>
    <t xml:space="preserve">  預入れ　・　払出し　
・（　　　　　　　）</t>
    <rPh sb="2" eb="4">
      <t>アズケイ</t>
    </rPh>
    <rPh sb="8" eb="10">
      <t>ハライダ</t>
    </rPh>
    <phoneticPr fontId="1"/>
  </si>
  <si>
    <t>　 　 月　　　 日　　　 時</t>
    <rPh sb="14" eb="15">
      <t>トキ</t>
    </rPh>
    <phoneticPr fontId="1"/>
  </si>
  <si>
    <t>備　　考</t>
    <rPh sb="0" eb="1">
      <t>ビ</t>
    </rPh>
    <rPh sb="3" eb="4">
      <t>コウ</t>
    </rPh>
    <phoneticPr fontId="1"/>
  </si>
  <si>
    <t>保 管 現 金 残 高</t>
    <rPh sb="0" eb="1">
      <t>ホ</t>
    </rPh>
    <rPh sb="2" eb="3">
      <t>カン</t>
    </rPh>
    <rPh sb="4" eb="5">
      <t>ゲン</t>
    </rPh>
    <rPh sb="6" eb="7">
      <t>キン</t>
    </rPh>
    <rPh sb="8" eb="9">
      <t>ザン</t>
    </rPh>
    <rPh sb="10" eb="11">
      <t>タカ</t>
    </rPh>
    <phoneticPr fontId="1"/>
  </si>
  <si>
    <t>（金銭管理規程第２号様式）</t>
    <rPh sb="7" eb="8">
      <t>ダイ</t>
    </rPh>
    <rPh sb="9" eb="10">
      <t>ゴウ</t>
    </rPh>
    <rPh sb="10" eb="12">
      <t>ヨウシキ</t>
    </rPh>
    <phoneticPr fontId="1"/>
  </si>
  <si>
    <t>無料低額宿泊所●●●●</t>
    <rPh sb="0" eb="2">
      <t>ムリョウ</t>
    </rPh>
    <rPh sb="2" eb="4">
      <t>テイガク</t>
    </rPh>
    <rPh sb="4" eb="6">
      <t>シュクハク</t>
    </rPh>
    <rPh sb="6" eb="7">
      <t>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6"/>
      <color theme="1"/>
      <name val="ＭＳ Ｐゴシック"/>
      <family val="3"/>
      <charset val="128"/>
    </font>
    <font>
      <sz val="22"/>
      <color theme="1"/>
      <name val="ＭＳ Ｐゴシック"/>
      <family val="3"/>
      <charset val="128"/>
    </font>
    <font>
      <u/>
      <sz val="16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6"/>
      <color theme="1" tint="0.249977111117893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sz val="36"/>
      <color theme="1"/>
      <name val="ＭＳ Ｐゴシック"/>
      <family val="3"/>
      <charset val="128"/>
    </font>
    <font>
      <b/>
      <sz val="36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2" borderId="0" xfId="0" applyFont="1" applyFill="1" applyBorder="1">
      <alignment vertical="center"/>
    </xf>
    <xf numFmtId="0" fontId="9" fillId="0" borderId="0" xfId="0" applyFont="1" applyAlignment="1">
      <alignment horizontal="left"/>
    </xf>
    <xf numFmtId="0" fontId="6" fillId="2" borderId="8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9" fillId="0" borderId="0" xfId="0" applyFont="1" applyAlignment="1"/>
    <xf numFmtId="0" fontId="7" fillId="0" borderId="0" xfId="0" applyFont="1" applyAlignment="1"/>
    <xf numFmtId="0" fontId="5" fillId="2" borderId="2" xfId="0" applyFont="1" applyFill="1" applyBorder="1" applyAlignment="1">
      <alignment vertical="top" wrapText="1"/>
    </xf>
    <xf numFmtId="0" fontId="5" fillId="2" borderId="6" xfId="0" applyFont="1" applyFill="1" applyBorder="1" applyAlignment="1">
      <alignment vertical="top" wrapText="1"/>
    </xf>
    <xf numFmtId="0" fontId="5" fillId="2" borderId="3" xfId="0" applyFont="1" applyFill="1" applyBorder="1" applyAlignment="1">
      <alignment vertical="top" wrapText="1"/>
    </xf>
    <xf numFmtId="0" fontId="5" fillId="2" borderId="7" xfId="0" applyFont="1" applyFill="1" applyBorder="1" applyAlignment="1">
      <alignment vertical="top" wrapText="1"/>
    </xf>
    <xf numFmtId="0" fontId="10" fillId="2" borderId="5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6" fillId="2" borderId="3" xfId="0" applyFont="1" applyFill="1" applyBorder="1" applyAlignment="1">
      <alignment vertical="center"/>
    </xf>
    <xf numFmtId="0" fontId="6" fillId="2" borderId="2" xfId="0" applyFont="1" applyFill="1" applyBorder="1" applyAlignment="1">
      <alignment horizontal="left" vertical="center" wrapText="1"/>
    </xf>
    <xf numFmtId="0" fontId="13" fillId="0" borderId="0" xfId="0" applyFont="1" applyBorder="1" applyAlignment="1">
      <alignment horizontal="center" vertical="center"/>
    </xf>
    <xf numFmtId="0" fontId="13" fillId="2" borderId="8" xfId="0" applyFont="1" applyFill="1" applyBorder="1" applyAlignment="1">
      <alignment horizontal="center" vertical="center"/>
    </xf>
    <xf numFmtId="0" fontId="13" fillId="0" borderId="0" xfId="0" applyFont="1">
      <alignment vertical="center"/>
    </xf>
    <xf numFmtId="0" fontId="13" fillId="0" borderId="8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12" fillId="2" borderId="9" xfId="0" applyFont="1" applyFill="1" applyBorder="1" applyAlignment="1">
      <alignment horizontal="right" wrapText="1"/>
    </xf>
    <xf numFmtId="0" fontId="12" fillId="2" borderId="10" xfId="0" applyFont="1" applyFill="1" applyBorder="1" applyAlignment="1">
      <alignment horizontal="right" wrapText="1"/>
    </xf>
    <xf numFmtId="0" fontId="10" fillId="2" borderId="9" xfId="0" applyFont="1" applyFill="1" applyBorder="1" applyAlignment="1">
      <alignment horizontal="center" vertical="center"/>
    </xf>
    <xf numFmtId="0" fontId="10" fillId="2" borderId="10" xfId="0" applyFont="1" applyFill="1" applyBorder="1" applyAlignment="1">
      <alignment horizontal="center" vertical="center"/>
    </xf>
    <xf numFmtId="0" fontId="10" fillId="2" borderId="6" xfId="0" applyFont="1" applyFill="1" applyBorder="1" applyAlignment="1">
      <alignment horizontal="center" vertical="center"/>
    </xf>
    <xf numFmtId="0" fontId="10" fillId="2" borderId="7" xfId="0" applyFont="1" applyFill="1" applyBorder="1" applyAlignment="1">
      <alignment horizontal="center" vertical="center"/>
    </xf>
    <xf numFmtId="0" fontId="14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3" fillId="2" borderId="9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  <xf numFmtId="0" fontId="10" fillId="2" borderId="11" xfId="0" applyFont="1" applyFill="1" applyBorder="1" applyAlignment="1">
      <alignment horizontal="center" vertical="center"/>
    </xf>
    <xf numFmtId="0" fontId="10" fillId="2" borderId="14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 wrapText="1"/>
    </xf>
    <xf numFmtId="0" fontId="2" fillId="2" borderId="14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 wrapText="1"/>
    </xf>
    <xf numFmtId="0" fontId="3" fillId="2" borderId="14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15" fillId="3" borderId="0" xfId="0" applyFont="1" applyFill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13" fillId="0" borderId="8" xfId="0" applyFont="1" applyBorder="1" applyAlignment="1">
      <alignment horizontal="left" vertical="center" wrapText="1"/>
    </xf>
    <xf numFmtId="0" fontId="13" fillId="0" borderId="0" xfId="0" applyFont="1" applyBorder="1" applyAlignment="1">
      <alignment horizontal="left" vertical="center" wrapText="1"/>
    </xf>
    <xf numFmtId="0" fontId="13" fillId="0" borderId="15" xfId="0" applyFont="1" applyBorder="1" applyAlignment="1">
      <alignment horizontal="left" vertical="center" wrapText="1"/>
    </xf>
    <xf numFmtId="0" fontId="7" fillId="0" borderId="14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13" fillId="0" borderId="2" xfId="0" applyFont="1" applyBorder="1" applyAlignment="1">
      <alignment horizontal="center" vertical="center" wrapText="1"/>
    </xf>
    <xf numFmtId="0" fontId="13" fillId="0" borderId="4" xfId="0" applyFont="1" applyBorder="1" applyAlignment="1">
      <alignment horizontal="center" vertical="center"/>
    </xf>
    <xf numFmtId="0" fontId="13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E7E6E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</xdr:colOff>
      <xdr:row>2</xdr:row>
      <xdr:rowOff>136072</xdr:rowOff>
    </xdr:from>
    <xdr:to>
      <xdr:col>6</xdr:col>
      <xdr:colOff>136072</xdr:colOff>
      <xdr:row>3</xdr:row>
      <xdr:rowOff>81643</xdr:rowOff>
    </xdr:to>
    <xdr:sp macro="" textlink="">
      <xdr:nvSpPr>
        <xdr:cNvPr id="2" name="角丸四角形 1"/>
        <xdr:cNvSpPr/>
      </xdr:nvSpPr>
      <xdr:spPr>
        <a:xfrm>
          <a:off x="489858" y="870858"/>
          <a:ext cx="4286250" cy="571499"/>
        </a:xfrm>
        <a:prstGeom prst="roundRect">
          <a:avLst>
            <a:gd name="adj" fmla="val 0"/>
          </a:avLst>
        </a:prstGeom>
        <a:noFill/>
        <a:ln w="2540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2735035</xdr:colOff>
      <xdr:row>2</xdr:row>
      <xdr:rowOff>149680</xdr:rowOff>
    </xdr:from>
    <xdr:to>
      <xdr:col>29</xdr:col>
      <xdr:colOff>1119869</xdr:colOff>
      <xdr:row>3</xdr:row>
      <xdr:rowOff>40822</xdr:rowOff>
    </xdr:to>
    <xdr:sp macro="" textlink="">
      <xdr:nvSpPr>
        <xdr:cNvPr id="3" name="角丸四角形 2"/>
        <xdr:cNvSpPr/>
      </xdr:nvSpPr>
      <xdr:spPr>
        <a:xfrm>
          <a:off x="15457714" y="734787"/>
          <a:ext cx="1582512" cy="517071"/>
        </a:xfrm>
        <a:prstGeom prst="roundRect">
          <a:avLst>
            <a:gd name="adj" fmla="val 0"/>
          </a:avLst>
        </a:prstGeom>
        <a:noFill/>
        <a:ln w="25400">
          <a:solidFill>
            <a:schemeClr val="dk1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en-US" altLang="ja-JP" sz="2400"/>
            <a:t>No.</a:t>
          </a:r>
          <a:r>
            <a:rPr kumimoji="1" lang="en-US" altLang="ja-JP" sz="2400" u="sng"/>
            <a:t>                     </a:t>
          </a:r>
          <a:r>
            <a:rPr kumimoji="1" lang="en-US" altLang="ja-JP" sz="2400"/>
            <a:t>   </a:t>
          </a:r>
          <a:endParaRPr kumimoji="1" lang="ja-JP" altLang="en-US" sz="24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D36"/>
  <sheetViews>
    <sheetView showGridLines="0" tabSelected="1" showRuler="0" view="pageBreakPreview" zoomScale="70" zoomScaleNormal="80" zoomScaleSheetLayoutView="70" zoomScalePageLayoutView="80" workbookViewId="0">
      <selection activeCell="AI20" sqref="AI20"/>
    </sheetView>
  </sheetViews>
  <sheetFormatPr defaultRowHeight="13.5" x14ac:dyDescent="0.4"/>
  <cols>
    <col min="1" max="1" width="6.375" style="1" customWidth="1"/>
    <col min="2" max="2" width="20.75" style="1" customWidth="1"/>
    <col min="3" max="3" width="17.125" style="1" customWidth="1"/>
    <col min="4" max="24" width="5.5" style="1" customWidth="1"/>
    <col min="25" max="27" width="11.25" style="1" customWidth="1"/>
    <col min="28" max="28" width="46.625" style="1" customWidth="1"/>
    <col min="29" max="29" width="2.375" style="2" customWidth="1"/>
    <col min="30" max="30" width="14.875" style="1" customWidth="1"/>
    <col min="31" max="31" width="2.125" style="1" customWidth="1"/>
    <col min="32" max="16384" width="9" style="1"/>
  </cols>
  <sheetData>
    <row r="1" spans="2:30" s="26" customFormat="1" ht="20.25" customHeight="1" x14ac:dyDescent="0.4">
      <c r="B1" s="24" t="s">
        <v>20</v>
      </c>
      <c r="C1" s="25"/>
      <c r="D1" s="25"/>
      <c r="E1" s="25"/>
      <c r="F1" s="25"/>
      <c r="G1" s="25"/>
      <c r="H1" s="25"/>
      <c r="I1" s="25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 t="s">
        <v>21</v>
      </c>
    </row>
    <row r="2" spans="2:30" ht="37.5" customHeight="1" x14ac:dyDescent="0.4">
      <c r="B2" s="47" t="s">
        <v>14</v>
      </c>
      <c r="C2" s="47"/>
      <c r="D2" s="47"/>
      <c r="E2" s="47"/>
      <c r="F2" s="47"/>
      <c r="G2" s="47"/>
      <c r="H2" s="47"/>
      <c r="I2" s="47"/>
      <c r="J2" s="47"/>
      <c r="K2" s="47"/>
      <c r="L2" s="47"/>
      <c r="M2" s="47"/>
      <c r="N2" s="47"/>
      <c r="O2" s="47"/>
      <c r="P2" s="47"/>
      <c r="Q2" s="47"/>
      <c r="R2" s="47"/>
      <c r="S2" s="47"/>
      <c r="T2" s="47"/>
      <c r="U2" s="47"/>
      <c r="V2" s="47"/>
      <c r="W2" s="47"/>
      <c r="X2" s="47"/>
      <c r="Y2" s="47"/>
      <c r="Z2" s="47"/>
      <c r="AA2" s="47"/>
      <c r="AB2" s="47"/>
      <c r="AC2" s="47"/>
      <c r="AD2" s="47"/>
    </row>
    <row r="3" spans="2:30" ht="49.5" customHeight="1" x14ac:dyDescent="0.2">
      <c r="B3" s="7" t="s">
        <v>11</v>
      </c>
      <c r="C3" s="6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6"/>
    </row>
    <row r="4" spans="2:30" ht="12" customHeight="1" x14ac:dyDescent="0.2"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</row>
    <row r="5" spans="2:30" ht="25.5" customHeight="1" x14ac:dyDescent="0.4">
      <c r="B5" s="54" t="s">
        <v>2</v>
      </c>
      <c r="C5" s="48" t="s">
        <v>3</v>
      </c>
      <c r="D5" s="56" t="s">
        <v>0</v>
      </c>
      <c r="E5" s="56"/>
      <c r="F5" s="56"/>
      <c r="G5" s="56"/>
      <c r="H5" s="56"/>
      <c r="I5" s="56"/>
      <c r="J5" s="56"/>
      <c r="K5" s="57" t="s">
        <v>1</v>
      </c>
      <c r="L5" s="56"/>
      <c r="M5" s="56"/>
      <c r="N5" s="56"/>
      <c r="O5" s="56"/>
      <c r="P5" s="56"/>
      <c r="Q5" s="56"/>
      <c r="R5" s="48" t="s">
        <v>19</v>
      </c>
      <c r="S5" s="49"/>
      <c r="T5" s="49"/>
      <c r="U5" s="49"/>
      <c r="V5" s="49"/>
      <c r="W5" s="49"/>
      <c r="X5" s="50"/>
      <c r="Y5" s="48" t="s">
        <v>10</v>
      </c>
      <c r="Z5" s="49"/>
      <c r="AA5" s="50"/>
      <c r="AB5" s="14"/>
      <c r="AC5" s="4"/>
      <c r="AD5" s="64" t="s">
        <v>12</v>
      </c>
    </row>
    <row r="6" spans="2:30" s="20" customFormat="1" ht="36" customHeight="1" x14ac:dyDescent="0.4">
      <c r="B6" s="55"/>
      <c r="C6" s="51"/>
      <c r="D6" s="58" t="s">
        <v>15</v>
      </c>
      <c r="E6" s="59"/>
      <c r="F6" s="59"/>
      <c r="G6" s="59"/>
      <c r="H6" s="59"/>
      <c r="I6" s="59"/>
      <c r="J6" s="60"/>
      <c r="K6" s="58" t="s">
        <v>5</v>
      </c>
      <c r="L6" s="59"/>
      <c r="M6" s="59"/>
      <c r="N6" s="59"/>
      <c r="O6" s="59"/>
      <c r="P6" s="59"/>
      <c r="Q6" s="60"/>
      <c r="R6" s="51"/>
      <c r="S6" s="52"/>
      <c r="T6" s="52"/>
      <c r="U6" s="52"/>
      <c r="V6" s="52"/>
      <c r="W6" s="52"/>
      <c r="X6" s="53"/>
      <c r="Y6" s="61"/>
      <c r="Z6" s="62"/>
      <c r="AA6" s="63"/>
      <c r="AB6" s="15" t="s">
        <v>18</v>
      </c>
      <c r="AC6" s="19"/>
      <c r="AD6" s="65"/>
    </row>
    <row r="7" spans="2:30" s="20" customFormat="1" ht="36" customHeight="1" x14ac:dyDescent="0.4">
      <c r="B7" s="55"/>
      <c r="C7" s="51"/>
      <c r="D7" s="58"/>
      <c r="E7" s="59"/>
      <c r="F7" s="59"/>
      <c r="G7" s="59"/>
      <c r="H7" s="59"/>
      <c r="I7" s="59"/>
      <c r="J7" s="60"/>
      <c r="K7" s="58"/>
      <c r="L7" s="59"/>
      <c r="M7" s="59"/>
      <c r="N7" s="59"/>
      <c r="O7" s="59"/>
      <c r="P7" s="59"/>
      <c r="Q7" s="60"/>
      <c r="R7" s="51"/>
      <c r="S7" s="52"/>
      <c r="T7" s="52"/>
      <c r="U7" s="52"/>
      <c r="V7" s="52"/>
      <c r="W7" s="52"/>
      <c r="X7" s="53"/>
      <c r="Y7" s="21" t="s">
        <v>6</v>
      </c>
      <c r="Z7" s="22" t="s">
        <v>7</v>
      </c>
      <c r="AA7" s="23" t="s">
        <v>8</v>
      </c>
      <c r="AB7" s="18"/>
      <c r="AC7" s="19"/>
      <c r="AD7" s="66"/>
    </row>
    <row r="8" spans="2:30" ht="30.75" customHeight="1" x14ac:dyDescent="0.4">
      <c r="B8" s="17" t="s">
        <v>9</v>
      </c>
      <c r="C8" s="41" t="s">
        <v>16</v>
      </c>
      <c r="D8" s="43"/>
      <c r="E8" s="35"/>
      <c r="F8" s="27"/>
      <c r="G8" s="27" t="s">
        <v>4</v>
      </c>
      <c r="H8" s="35"/>
      <c r="I8" s="35"/>
      <c r="J8" s="37"/>
      <c r="K8" s="45"/>
      <c r="L8" s="35"/>
      <c r="M8" s="27"/>
      <c r="N8" s="27" t="s">
        <v>4</v>
      </c>
      <c r="O8" s="35"/>
      <c r="P8" s="35"/>
      <c r="Q8" s="37"/>
      <c r="R8" s="39"/>
      <c r="S8" s="29"/>
      <c r="T8" s="27"/>
      <c r="U8" s="27" t="s">
        <v>4</v>
      </c>
      <c r="V8" s="29"/>
      <c r="W8" s="29"/>
      <c r="X8" s="31"/>
      <c r="Y8" s="8"/>
      <c r="Z8" s="8"/>
      <c r="AA8" s="9"/>
      <c r="AB8" s="12"/>
      <c r="AC8" s="4"/>
      <c r="AD8" s="33" t="s">
        <v>13</v>
      </c>
    </row>
    <row r="9" spans="2:30" ht="30.75" customHeight="1" x14ac:dyDescent="0.4">
      <c r="B9" s="16" t="s">
        <v>17</v>
      </c>
      <c r="C9" s="42"/>
      <c r="D9" s="44"/>
      <c r="E9" s="36"/>
      <c r="F9" s="28"/>
      <c r="G9" s="28"/>
      <c r="H9" s="36"/>
      <c r="I9" s="36"/>
      <c r="J9" s="38"/>
      <c r="K9" s="46"/>
      <c r="L9" s="36"/>
      <c r="M9" s="28"/>
      <c r="N9" s="28"/>
      <c r="O9" s="36"/>
      <c r="P9" s="36"/>
      <c r="Q9" s="38"/>
      <c r="R9" s="40"/>
      <c r="S9" s="30"/>
      <c r="T9" s="28"/>
      <c r="U9" s="28"/>
      <c r="V9" s="30"/>
      <c r="W9" s="30"/>
      <c r="X9" s="32"/>
      <c r="Y9" s="10"/>
      <c r="Z9" s="10"/>
      <c r="AA9" s="11"/>
      <c r="AB9" s="13"/>
      <c r="AC9" s="5"/>
      <c r="AD9" s="34"/>
    </row>
    <row r="10" spans="2:30" ht="30.75" customHeight="1" x14ac:dyDescent="0.4">
      <c r="B10" s="17"/>
      <c r="C10" s="41" t="s">
        <v>16</v>
      </c>
      <c r="D10" s="43"/>
      <c r="E10" s="35"/>
      <c r="F10" s="27"/>
      <c r="G10" s="27" t="s">
        <v>4</v>
      </c>
      <c r="H10" s="35"/>
      <c r="I10" s="35"/>
      <c r="J10" s="37"/>
      <c r="K10" s="45"/>
      <c r="L10" s="35"/>
      <c r="M10" s="27"/>
      <c r="N10" s="27" t="s">
        <v>4</v>
      </c>
      <c r="O10" s="35"/>
      <c r="P10" s="35"/>
      <c r="Q10" s="37"/>
      <c r="R10" s="39"/>
      <c r="S10" s="29"/>
      <c r="T10" s="27"/>
      <c r="U10" s="27" t="s">
        <v>4</v>
      </c>
      <c r="V10" s="29"/>
      <c r="W10" s="29"/>
      <c r="X10" s="31"/>
      <c r="Y10" s="8"/>
      <c r="Z10" s="8"/>
      <c r="AA10" s="9"/>
      <c r="AB10" s="12"/>
      <c r="AC10" s="4"/>
      <c r="AD10" s="33" t="s">
        <v>13</v>
      </c>
    </row>
    <row r="11" spans="2:30" ht="30.75" customHeight="1" x14ac:dyDescent="0.4">
      <c r="B11" s="16" t="s">
        <v>17</v>
      </c>
      <c r="C11" s="42"/>
      <c r="D11" s="44"/>
      <c r="E11" s="36"/>
      <c r="F11" s="28"/>
      <c r="G11" s="28"/>
      <c r="H11" s="36"/>
      <c r="I11" s="36"/>
      <c r="J11" s="38"/>
      <c r="K11" s="46"/>
      <c r="L11" s="36"/>
      <c r="M11" s="28"/>
      <c r="N11" s="28"/>
      <c r="O11" s="36"/>
      <c r="P11" s="36"/>
      <c r="Q11" s="38"/>
      <c r="R11" s="40"/>
      <c r="S11" s="30"/>
      <c r="T11" s="28"/>
      <c r="U11" s="28"/>
      <c r="V11" s="30"/>
      <c r="W11" s="30"/>
      <c r="X11" s="32"/>
      <c r="Y11" s="10"/>
      <c r="Z11" s="10"/>
      <c r="AA11" s="11"/>
      <c r="AB11" s="13"/>
      <c r="AC11" s="5"/>
      <c r="AD11" s="34"/>
    </row>
    <row r="12" spans="2:30" ht="30.75" customHeight="1" x14ac:dyDescent="0.4">
      <c r="B12" s="17"/>
      <c r="C12" s="41" t="s">
        <v>16</v>
      </c>
      <c r="D12" s="43"/>
      <c r="E12" s="35"/>
      <c r="F12" s="27"/>
      <c r="G12" s="27" t="s">
        <v>4</v>
      </c>
      <c r="H12" s="35"/>
      <c r="I12" s="35"/>
      <c r="J12" s="37"/>
      <c r="K12" s="45"/>
      <c r="L12" s="35"/>
      <c r="M12" s="27"/>
      <c r="N12" s="27" t="s">
        <v>4</v>
      </c>
      <c r="O12" s="35"/>
      <c r="P12" s="35"/>
      <c r="Q12" s="37"/>
      <c r="R12" s="39"/>
      <c r="S12" s="29"/>
      <c r="T12" s="27"/>
      <c r="U12" s="27" t="s">
        <v>4</v>
      </c>
      <c r="V12" s="29"/>
      <c r="W12" s="29"/>
      <c r="X12" s="31"/>
      <c r="Y12" s="8"/>
      <c r="Z12" s="8"/>
      <c r="AA12" s="9"/>
      <c r="AB12" s="12"/>
      <c r="AC12" s="4"/>
      <c r="AD12" s="33" t="s">
        <v>13</v>
      </c>
    </row>
    <row r="13" spans="2:30" ht="30.75" customHeight="1" x14ac:dyDescent="0.4">
      <c r="B13" s="16" t="s">
        <v>17</v>
      </c>
      <c r="C13" s="42"/>
      <c r="D13" s="44"/>
      <c r="E13" s="36"/>
      <c r="F13" s="28"/>
      <c r="G13" s="28"/>
      <c r="H13" s="36"/>
      <c r="I13" s="36"/>
      <c r="J13" s="38"/>
      <c r="K13" s="46"/>
      <c r="L13" s="36"/>
      <c r="M13" s="28"/>
      <c r="N13" s="28"/>
      <c r="O13" s="36"/>
      <c r="P13" s="36"/>
      <c r="Q13" s="38"/>
      <c r="R13" s="40"/>
      <c r="S13" s="30"/>
      <c r="T13" s="28"/>
      <c r="U13" s="28"/>
      <c r="V13" s="30"/>
      <c r="W13" s="30"/>
      <c r="X13" s="32"/>
      <c r="Y13" s="10"/>
      <c r="Z13" s="10"/>
      <c r="AA13" s="11"/>
      <c r="AB13" s="13"/>
      <c r="AC13" s="5"/>
      <c r="AD13" s="34"/>
    </row>
    <row r="14" spans="2:30" ht="30.75" customHeight="1" x14ac:dyDescent="0.4">
      <c r="B14" s="17"/>
      <c r="C14" s="41" t="s">
        <v>16</v>
      </c>
      <c r="D14" s="43"/>
      <c r="E14" s="35"/>
      <c r="F14" s="27"/>
      <c r="G14" s="27" t="s">
        <v>4</v>
      </c>
      <c r="H14" s="35"/>
      <c r="I14" s="35"/>
      <c r="J14" s="37"/>
      <c r="K14" s="45"/>
      <c r="L14" s="35"/>
      <c r="M14" s="27"/>
      <c r="N14" s="27" t="s">
        <v>4</v>
      </c>
      <c r="O14" s="35"/>
      <c r="P14" s="35"/>
      <c r="Q14" s="37"/>
      <c r="R14" s="39"/>
      <c r="S14" s="29"/>
      <c r="T14" s="27"/>
      <c r="U14" s="27" t="s">
        <v>4</v>
      </c>
      <c r="V14" s="29"/>
      <c r="W14" s="29"/>
      <c r="X14" s="31"/>
      <c r="Y14" s="8"/>
      <c r="Z14" s="8"/>
      <c r="AA14" s="9"/>
      <c r="AB14" s="12"/>
      <c r="AC14" s="4"/>
      <c r="AD14" s="33" t="s">
        <v>13</v>
      </c>
    </row>
    <row r="15" spans="2:30" ht="30.75" customHeight="1" x14ac:dyDescent="0.4">
      <c r="B15" s="16" t="s">
        <v>17</v>
      </c>
      <c r="C15" s="42"/>
      <c r="D15" s="44"/>
      <c r="E15" s="36"/>
      <c r="F15" s="28"/>
      <c r="G15" s="28"/>
      <c r="H15" s="36"/>
      <c r="I15" s="36"/>
      <c r="J15" s="38"/>
      <c r="K15" s="46"/>
      <c r="L15" s="36"/>
      <c r="M15" s="28"/>
      <c r="N15" s="28"/>
      <c r="O15" s="36"/>
      <c r="P15" s="36"/>
      <c r="Q15" s="38"/>
      <c r="R15" s="40"/>
      <c r="S15" s="30"/>
      <c r="T15" s="28"/>
      <c r="U15" s="28"/>
      <c r="V15" s="30"/>
      <c r="W15" s="30"/>
      <c r="X15" s="32"/>
      <c r="Y15" s="10"/>
      <c r="Z15" s="10"/>
      <c r="AA15" s="11"/>
      <c r="AB15" s="13"/>
      <c r="AC15" s="5"/>
      <c r="AD15" s="34"/>
    </row>
    <row r="16" spans="2:30" ht="30.75" customHeight="1" x14ac:dyDescent="0.4">
      <c r="B16" s="17"/>
      <c r="C16" s="41" t="s">
        <v>16</v>
      </c>
      <c r="D16" s="43"/>
      <c r="E16" s="35"/>
      <c r="F16" s="27"/>
      <c r="G16" s="27" t="s">
        <v>4</v>
      </c>
      <c r="H16" s="35"/>
      <c r="I16" s="35"/>
      <c r="J16" s="37"/>
      <c r="K16" s="45"/>
      <c r="L16" s="35"/>
      <c r="M16" s="27"/>
      <c r="N16" s="27" t="s">
        <v>4</v>
      </c>
      <c r="O16" s="35"/>
      <c r="P16" s="35"/>
      <c r="Q16" s="37"/>
      <c r="R16" s="39"/>
      <c r="S16" s="29"/>
      <c r="T16" s="27"/>
      <c r="U16" s="27" t="s">
        <v>4</v>
      </c>
      <c r="V16" s="29"/>
      <c r="W16" s="29"/>
      <c r="X16" s="31"/>
      <c r="Y16" s="8"/>
      <c r="Z16" s="8"/>
      <c r="AA16" s="9"/>
      <c r="AB16" s="12"/>
      <c r="AC16" s="4"/>
      <c r="AD16" s="33" t="s">
        <v>13</v>
      </c>
    </row>
    <row r="17" spans="2:30" ht="30.75" customHeight="1" x14ac:dyDescent="0.4">
      <c r="B17" s="16" t="s">
        <v>17</v>
      </c>
      <c r="C17" s="42"/>
      <c r="D17" s="44"/>
      <c r="E17" s="36"/>
      <c r="F17" s="28"/>
      <c r="G17" s="28"/>
      <c r="H17" s="36"/>
      <c r="I17" s="36"/>
      <c r="J17" s="38"/>
      <c r="K17" s="46"/>
      <c r="L17" s="36"/>
      <c r="M17" s="28"/>
      <c r="N17" s="28"/>
      <c r="O17" s="36"/>
      <c r="P17" s="36"/>
      <c r="Q17" s="38"/>
      <c r="R17" s="40"/>
      <c r="S17" s="30"/>
      <c r="T17" s="28"/>
      <c r="U17" s="28"/>
      <c r="V17" s="30"/>
      <c r="W17" s="30"/>
      <c r="X17" s="32"/>
      <c r="Y17" s="10"/>
      <c r="Z17" s="10"/>
      <c r="AA17" s="11"/>
      <c r="AB17" s="13"/>
      <c r="AC17" s="5"/>
      <c r="AD17" s="34"/>
    </row>
    <row r="18" spans="2:30" ht="30.75" customHeight="1" x14ac:dyDescent="0.4">
      <c r="B18" s="17"/>
      <c r="C18" s="41" t="s">
        <v>16</v>
      </c>
      <c r="D18" s="43"/>
      <c r="E18" s="35"/>
      <c r="F18" s="27"/>
      <c r="G18" s="27" t="s">
        <v>4</v>
      </c>
      <c r="H18" s="35"/>
      <c r="I18" s="35"/>
      <c r="J18" s="37"/>
      <c r="K18" s="45"/>
      <c r="L18" s="35"/>
      <c r="M18" s="27"/>
      <c r="N18" s="27" t="s">
        <v>4</v>
      </c>
      <c r="O18" s="35"/>
      <c r="P18" s="35"/>
      <c r="Q18" s="37"/>
      <c r="R18" s="39"/>
      <c r="S18" s="29"/>
      <c r="T18" s="27"/>
      <c r="U18" s="27" t="s">
        <v>4</v>
      </c>
      <c r="V18" s="29"/>
      <c r="W18" s="29"/>
      <c r="X18" s="31"/>
      <c r="Y18" s="8"/>
      <c r="Z18" s="8"/>
      <c r="AA18" s="9"/>
      <c r="AB18" s="12"/>
      <c r="AC18" s="4"/>
      <c r="AD18" s="33" t="s">
        <v>13</v>
      </c>
    </row>
    <row r="19" spans="2:30" ht="30.75" customHeight="1" x14ac:dyDescent="0.4">
      <c r="B19" s="16" t="s">
        <v>17</v>
      </c>
      <c r="C19" s="42"/>
      <c r="D19" s="44"/>
      <c r="E19" s="36"/>
      <c r="F19" s="28"/>
      <c r="G19" s="28"/>
      <c r="H19" s="36"/>
      <c r="I19" s="36"/>
      <c r="J19" s="38"/>
      <c r="K19" s="46"/>
      <c r="L19" s="36"/>
      <c r="M19" s="28"/>
      <c r="N19" s="28"/>
      <c r="O19" s="36"/>
      <c r="P19" s="36"/>
      <c r="Q19" s="38"/>
      <c r="R19" s="40"/>
      <c r="S19" s="30"/>
      <c r="T19" s="28"/>
      <c r="U19" s="28"/>
      <c r="V19" s="30"/>
      <c r="W19" s="30"/>
      <c r="X19" s="32"/>
      <c r="Y19" s="10"/>
      <c r="Z19" s="10"/>
      <c r="AA19" s="11"/>
      <c r="AB19" s="13"/>
      <c r="AC19" s="5"/>
      <c r="AD19" s="34"/>
    </row>
    <row r="20" spans="2:30" ht="30.75" customHeight="1" x14ac:dyDescent="0.4">
      <c r="B20" s="17"/>
      <c r="C20" s="41" t="s">
        <v>16</v>
      </c>
      <c r="D20" s="43"/>
      <c r="E20" s="35"/>
      <c r="F20" s="27"/>
      <c r="G20" s="27" t="s">
        <v>4</v>
      </c>
      <c r="H20" s="35"/>
      <c r="I20" s="35"/>
      <c r="J20" s="37"/>
      <c r="K20" s="45"/>
      <c r="L20" s="35"/>
      <c r="M20" s="27"/>
      <c r="N20" s="27" t="s">
        <v>4</v>
      </c>
      <c r="O20" s="35"/>
      <c r="P20" s="35"/>
      <c r="Q20" s="37"/>
      <c r="R20" s="39"/>
      <c r="S20" s="29"/>
      <c r="T20" s="27"/>
      <c r="U20" s="27" t="s">
        <v>4</v>
      </c>
      <c r="V20" s="29"/>
      <c r="W20" s="29"/>
      <c r="X20" s="31"/>
      <c r="Y20" s="8"/>
      <c r="Z20" s="8"/>
      <c r="AA20" s="9"/>
      <c r="AB20" s="12"/>
      <c r="AC20" s="4"/>
      <c r="AD20" s="33" t="s">
        <v>13</v>
      </c>
    </row>
    <row r="21" spans="2:30" ht="30.75" customHeight="1" x14ac:dyDescent="0.4">
      <c r="B21" s="16" t="s">
        <v>17</v>
      </c>
      <c r="C21" s="42"/>
      <c r="D21" s="44"/>
      <c r="E21" s="36"/>
      <c r="F21" s="28"/>
      <c r="G21" s="28"/>
      <c r="H21" s="36"/>
      <c r="I21" s="36"/>
      <c r="J21" s="38"/>
      <c r="K21" s="46"/>
      <c r="L21" s="36"/>
      <c r="M21" s="28"/>
      <c r="N21" s="28"/>
      <c r="O21" s="36"/>
      <c r="P21" s="36"/>
      <c r="Q21" s="38"/>
      <c r="R21" s="40"/>
      <c r="S21" s="30"/>
      <c r="T21" s="28"/>
      <c r="U21" s="28"/>
      <c r="V21" s="30"/>
      <c r="W21" s="30"/>
      <c r="X21" s="32"/>
      <c r="Y21" s="10"/>
      <c r="Z21" s="10"/>
      <c r="AA21" s="11"/>
      <c r="AB21" s="13"/>
      <c r="AC21" s="5"/>
      <c r="AD21" s="34"/>
    </row>
    <row r="22" spans="2:30" ht="30.75" customHeight="1" x14ac:dyDescent="0.4">
      <c r="B22" s="17"/>
      <c r="C22" s="41" t="s">
        <v>16</v>
      </c>
      <c r="D22" s="43"/>
      <c r="E22" s="35"/>
      <c r="F22" s="27"/>
      <c r="G22" s="27" t="s">
        <v>4</v>
      </c>
      <c r="H22" s="35"/>
      <c r="I22" s="35"/>
      <c r="J22" s="37"/>
      <c r="K22" s="45"/>
      <c r="L22" s="35"/>
      <c r="M22" s="27"/>
      <c r="N22" s="27" t="s">
        <v>4</v>
      </c>
      <c r="O22" s="35"/>
      <c r="P22" s="35"/>
      <c r="Q22" s="37"/>
      <c r="R22" s="39"/>
      <c r="S22" s="29"/>
      <c r="T22" s="27"/>
      <c r="U22" s="27" t="s">
        <v>4</v>
      </c>
      <c r="V22" s="29"/>
      <c r="W22" s="29"/>
      <c r="X22" s="31"/>
      <c r="Y22" s="8"/>
      <c r="Z22" s="8"/>
      <c r="AA22" s="9"/>
      <c r="AB22" s="12"/>
      <c r="AC22" s="4"/>
      <c r="AD22" s="33" t="s">
        <v>13</v>
      </c>
    </row>
    <row r="23" spans="2:30" ht="30.75" customHeight="1" x14ac:dyDescent="0.4">
      <c r="B23" s="16" t="s">
        <v>17</v>
      </c>
      <c r="C23" s="42"/>
      <c r="D23" s="44"/>
      <c r="E23" s="36"/>
      <c r="F23" s="28"/>
      <c r="G23" s="28"/>
      <c r="H23" s="36"/>
      <c r="I23" s="36"/>
      <c r="J23" s="38"/>
      <c r="K23" s="46"/>
      <c r="L23" s="36"/>
      <c r="M23" s="28"/>
      <c r="N23" s="28"/>
      <c r="O23" s="36"/>
      <c r="P23" s="36"/>
      <c r="Q23" s="38"/>
      <c r="R23" s="40"/>
      <c r="S23" s="30"/>
      <c r="T23" s="28"/>
      <c r="U23" s="28"/>
      <c r="V23" s="30"/>
      <c r="W23" s="30"/>
      <c r="X23" s="32"/>
      <c r="Y23" s="10"/>
      <c r="Z23" s="10"/>
      <c r="AA23" s="11"/>
      <c r="AB23" s="13"/>
      <c r="AC23" s="5"/>
      <c r="AD23" s="34"/>
    </row>
    <row r="24" spans="2:30" ht="30.75" customHeight="1" x14ac:dyDescent="0.4">
      <c r="B24" s="17"/>
      <c r="C24" s="41" t="s">
        <v>16</v>
      </c>
      <c r="D24" s="43"/>
      <c r="E24" s="35"/>
      <c r="F24" s="27"/>
      <c r="G24" s="27" t="s">
        <v>4</v>
      </c>
      <c r="H24" s="35"/>
      <c r="I24" s="35"/>
      <c r="J24" s="37"/>
      <c r="K24" s="45"/>
      <c r="L24" s="35"/>
      <c r="M24" s="27"/>
      <c r="N24" s="27" t="s">
        <v>4</v>
      </c>
      <c r="O24" s="35"/>
      <c r="P24" s="35"/>
      <c r="Q24" s="37"/>
      <c r="R24" s="39"/>
      <c r="S24" s="29"/>
      <c r="T24" s="27"/>
      <c r="U24" s="27" t="s">
        <v>4</v>
      </c>
      <c r="V24" s="29"/>
      <c r="W24" s="29"/>
      <c r="X24" s="31"/>
      <c r="Y24" s="8"/>
      <c r="Z24" s="8"/>
      <c r="AA24" s="9"/>
      <c r="AB24" s="12"/>
      <c r="AC24" s="4"/>
      <c r="AD24" s="33" t="s">
        <v>13</v>
      </c>
    </row>
    <row r="25" spans="2:30" ht="30.75" customHeight="1" x14ac:dyDescent="0.4">
      <c r="B25" s="16" t="s">
        <v>17</v>
      </c>
      <c r="C25" s="42"/>
      <c r="D25" s="44"/>
      <c r="E25" s="36"/>
      <c r="F25" s="28"/>
      <c r="G25" s="28"/>
      <c r="H25" s="36"/>
      <c r="I25" s="36"/>
      <c r="J25" s="38"/>
      <c r="K25" s="46"/>
      <c r="L25" s="36"/>
      <c r="M25" s="28"/>
      <c r="N25" s="28"/>
      <c r="O25" s="36"/>
      <c r="P25" s="36"/>
      <c r="Q25" s="38"/>
      <c r="R25" s="40"/>
      <c r="S25" s="30"/>
      <c r="T25" s="28"/>
      <c r="U25" s="28"/>
      <c r="V25" s="30"/>
      <c r="W25" s="30"/>
      <c r="X25" s="32"/>
      <c r="Y25" s="10"/>
      <c r="Z25" s="10"/>
      <c r="AA25" s="11"/>
      <c r="AB25" s="13"/>
      <c r="AC25" s="5"/>
      <c r="AD25" s="34"/>
    </row>
    <row r="26" spans="2:30" ht="30.75" customHeight="1" x14ac:dyDescent="0.4">
      <c r="B26" s="17"/>
      <c r="C26" s="41" t="s">
        <v>16</v>
      </c>
      <c r="D26" s="43"/>
      <c r="E26" s="35"/>
      <c r="F26" s="27"/>
      <c r="G26" s="27" t="s">
        <v>4</v>
      </c>
      <c r="H26" s="35"/>
      <c r="I26" s="35"/>
      <c r="J26" s="37"/>
      <c r="K26" s="45"/>
      <c r="L26" s="35"/>
      <c r="M26" s="27"/>
      <c r="N26" s="27" t="s">
        <v>4</v>
      </c>
      <c r="O26" s="35"/>
      <c r="P26" s="35"/>
      <c r="Q26" s="37"/>
      <c r="R26" s="39"/>
      <c r="S26" s="29"/>
      <c r="T26" s="27"/>
      <c r="U26" s="27" t="s">
        <v>4</v>
      </c>
      <c r="V26" s="29"/>
      <c r="W26" s="29"/>
      <c r="X26" s="31"/>
      <c r="Y26" s="8"/>
      <c r="Z26" s="8"/>
      <c r="AA26" s="9"/>
      <c r="AB26" s="12"/>
      <c r="AC26" s="4"/>
      <c r="AD26" s="33" t="s">
        <v>13</v>
      </c>
    </row>
    <row r="27" spans="2:30" ht="30.75" customHeight="1" x14ac:dyDescent="0.4">
      <c r="B27" s="16" t="s">
        <v>17</v>
      </c>
      <c r="C27" s="42"/>
      <c r="D27" s="44"/>
      <c r="E27" s="36"/>
      <c r="F27" s="28"/>
      <c r="G27" s="28"/>
      <c r="H27" s="36"/>
      <c r="I27" s="36"/>
      <c r="J27" s="38"/>
      <c r="K27" s="46"/>
      <c r="L27" s="36"/>
      <c r="M27" s="28"/>
      <c r="N27" s="28"/>
      <c r="O27" s="36"/>
      <c r="P27" s="36"/>
      <c r="Q27" s="38"/>
      <c r="R27" s="40"/>
      <c r="S27" s="30"/>
      <c r="T27" s="28"/>
      <c r="U27" s="28"/>
      <c r="V27" s="30"/>
      <c r="W27" s="30"/>
      <c r="X27" s="32"/>
      <c r="Y27" s="10"/>
      <c r="Z27" s="10"/>
      <c r="AA27" s="11"/>
      <c r="AB27" s="13"/>
      <c r="AC27" s="5"/>
      <c r="AD27" s="34"/>
    </row>
    <row r="28" spans="2:30" ht="30.75" customHeight="1" x14ac:dyDescent="0.4">
      <c r="B28" s="17"/>
      <c r="C28" s="41" t="s">
        <v>16</v>
      </c>
      <c r="D28" s="43"/>
      <c r="E28" s="35"/>
      <c r="F28" s="27"/>
      <c r="G28" s="27" t="s">
        <v>4</v>
      </c>
      <c r="H28" s="35"/>
      <c r="I28" s="35"/>
      <c r="J28" s="37"/>
      <c r="K28" s="45"/>
      <c r="L28" s="35"/>
      <c r="M28" s="27"/>
      <c r="N28" s="27" t="s">
        <v>4</v>
      </c>
      <c r="O28" s="35"/>
      <c r="P28" s="35"/>
      <c r="Q28" s="37"/>
      <c r="R28" s="39"/>
      <c r="S28" s="29"/>
      <c r="T28" s="27"/>
      <c r="U28" s="27" t="s">
        <v>4</v>
      </c>
      <c r="V28" s="29"/>
      <c r="W28" s="29"/>
      <c r="X28" s="31"/>
      <c r="Y28" s="8"/>
      <c r="Z28" s="8"/>
      <c r="AA28" s="9"/>
      <c r="AB28" s="12"/>
      <c r="AC28" s="4"/>
      <c r="AD28" s="33" t="s">
        <v>13</v>
      </c>
    </row>
    <row r="29" spans="2:30" ht="30.75" customHeight="1" x14ac:dyDescent="0.4">
      <c r="B29" s="16" t="s">
        <v>17</v>
      </c>
      <c r="C29" s="42"/>
      <c r="D29" s="44"/>
      <c r="E29" s="36"/>
      <c r="F29" s="28"/>
      <c r="G29" s="28"/>
      <c r="H29" s="36"/>
      <c r="I29" s="36"/>
      <c r="J29" s="38"/>
      <c r="K29" s="46"/>
      <c r="L29" s="36"/>
      <c r="M29" s="28"/>
      <c r="N29" s="28"/>
      <c r="O29" s="36"/>
      <c r="P29" s="36"/>
      <c r="Q29" s="38"/>
      <c r="R29" s="40"/>
      <c r="S29" s="30"/>
      <c r="T29" s="28"/>
      <c r="U29" s="28"/>
      <c r="V29" s="30"/>
      <c r="W29" s="30"/>
      <c r="X29" s="32"/>
      <c r="Y29" s="10"/>
      <c r="Z29" s="10"/>
      <c r="AA29" s="11"/>
      <c r="AB29" s="13"/>
      <c r="AC29" s="5"/>
      <c r="AD29" s="34"/>
    </row>
    <row r="30" spans="2:30" ht="30.75" customHeight="1" x14ac:dyDescent="0.4">
      <c r="B30" s="17"/>
      <c r="C30" s="41" t="s">
        <v>16</v>
      </c>
      <c r="D30" s="43"/>
      <c r="E30" s="35"/>
      <c r="F30" s="27"/>
      <c r="G30" s="27" t="s">
        <v>4</v>
      </c>
      <c r="H30" s="35"/>
      <c r="I30" s="35"/>
      <c r="J30" s="37"/>
      <c r="K30" s="45"/>
      <c r="L30" s="35"/>
      <c r="M30" s="27"/>
      <c r="N30" s="27" t="s">
        <v>4</v>
      </c>
      <c r="O30" s="35"/>
      <c r="P30" s="35"/>
      <c r="Q30" s="37"/>
      <c r="R30" s="39"/>
      <c r="S30" s="29"/>
      <c r="T30" s="27"/>
      <c r="U30" s="27" t="s">
        <v>4</v>
      </c>
      <c r="V30" s="29"/>
      <c r="W30" s="29"/>
      <c r="X30" s="31"/>
      <c r="Y30" s="8"/>
      <c r="Z30" s="8"/>
      <c r="AA30" s="9"/>
      <c r="AB30" s="12"/>
      <c r="AC30" s="4"/>
      <c r="AD30" s="33" t="s">
        <v>13</v>
      </c>
    </row>
    <row r="31" spans="2:30" ht="30.75" customHeight="1" x14ac:dyDescent="0.4">
      <c r="B31" s="16" t="s">
        <v>17</v>
      </c>
      <c r="C31" s="42"/>
      <c r="D31" s="44"/>
      <c r="E31" s="36"/>
      <c r="F31" s="28"/>
      <c r="G31" s="28"/>
      <c r="H31" s="36"/>
      <c r="I31" s="36"/>
      <c r="J31" s="38"/>
      <c r="K31" s="46"/>
      <c r="L31" s="36"/>
      <c r="M31" s="28"/>
      <c r="N31" s="28"/>
      <c r="O31" s="36"/>
      <c r="P31" s="36"/>
      <c r="Q31" s="38"/>
      <c r="R31" s="40"/>
      <c r="S31" s="30"/>
      <c r="T31" s="28"/>
      <c r="U31" s="28"/>
      <c r="V31" s="30"/>
      <c r="W31" s="30"/>
      <c r="X31" s="32"/>
      <c r="Y31" s="10"/>
      <c r="Z31" s="10"/>
      <c r="AA31" s="11"/>
      <c r="AB31" s="13"/>
      <c r="AC31" s="5"/>
      <c r="AD31" s="34"/>
    </row>
    <row r="32" spans="2:30" ht="30.75" customHeight="1" x14ac:dyDescent="0.4">
      <c r="B32" s="17"/>
      <c r="C32" s="41" t="s">
        <v>16</v>
      </c>
      <c r="D32" s="43"/>
      <c r="E32" s="35"/>
      <c r="F32" s="27"/>
      <c r="G32" s="27" t="s">
        <v>4</v>
      </c>
      <c r="H32" s="35"/>
      <c r="I32" s="35"/>
      <c r="J32" s="37"/>
      <c r="K32" s="45"/>
      <c r="L32" s="35"/>
      <c r="M32" s="27"/>
      <c r="N32" s="27" t="s">
        <v>4</v>
      </c>
      <c r="O32" s="35"/>
      <c r="P32" s="35"/>
      <c r="Q32" s="37"/>
      <c r="R32" s="39"/>
      <c r="S32" s="29"/>
      <c r="T32" s="27"/>
      <c r="U32" s="27" t="s">
        <v>4</v>
      </c>
      <c r="V32" s="29"/>
      <c r="W32" s="29"/>
      <c r="X32" s="31"/>
      <c r="Y32" s="8"/>
      <c r="Z32" s="8"/>
      <c r="AA32" s="9"/>
      <c r="AB32" s="12"/>
      <c r="AC32" s="4"/>
      <c r="AD32" s="33" t="s">
        <v>13</v>
      </c>
    </row>
    <row r="33" spans="2:30" ht="30.75" customHeight="1" x14ac:dyDescent="0.4">
      <c r="B33" s="16" t="s">
        <v>17</v>
      </c>
      <c r="C33" s="42"/>
      <c r="D33" s="44"/>
      <c r="E33" s="36"/>
      <c r="F33" s="28"/>
      <c r="G33" s="28"/>
      <c r="H33" s="36"/>
      <c r="I33" s="36"/>
      <c r="J33" s="38"/>
      <c r="K33" s="46"/>
      <c r="L33" s="36"/>
      <c r="M33" s="28"/>
      <c r="N33" s="28"/>
      <c r="O33" s="36"/>
      <c r="P33" s="36"/>
      <c r="Q33" s="38"/>
      <c r="R33" s="40"/>
      <c r="S33" s="30"/>
      <c r="T33" s="28"/>
      <c r="U33" s="28"/>
      <c r="V33" s="30"/>
      <c r="W33" s="30"/>
      <c r="X33" s="32"/>
      <c r="Y33" s="10"/>
      <c r="Z33" s="10"/>
      <c r="AA33" s="11"/>
      <c r="AB33" s="13"/>
      <c r="AC33" s="5"/>
      <c r="AD33" s="34"/>
    </row>
    <row r="34" spans="2:30" ht="30.75" customHeight="1" x14ac:dyDescent="0.4">
      <c r="B34" s="17"/>
      <c r="C34" s="41" t="s">
        <v>16</v>
      </c>
      <c r="D34" s="43"/>
      <c r="E34" s="35"/>
      <c r="F34" s="27"/>
      <c r="G34" s="27" t="s">
        <v>4</v>
      </c>
      <c r="H34" s="35"/>
      <c r="I34" s="35"/>
      <c r="J34" s="37"/>
      <c r="K34" s="45"/>
      <c r="L34" s="35"/>
      <c r="M34" s="27"/>
      <c r="N34" s="27" t="s">
        <v>4</v>
      </c>
      <c r="O34" s="35"/>
      <c r="P34" s="35"/>
      <c r="Q34" s="37"/>
      <c r="R34" s="39"/>
      <c r="S34" s="29"/>
      <c r="T34" s="27"/>
      <c r="U34" s="27" t="s">
        <v>4</v>
      </c>
      <c r="V34" s="29"/>
      <c r="W34" s="29"/>
      <c r="X34" s="31"/>
      <c r="Y34" s="8"/>
      <c r="Z34" s="8"/>
      <c r="AA34" s="9"/>
      <c r="AB34" s="12"/>
      <c r="AC34" s="4"/>
      <c r="AD34" s="33" t="s">
        <v>13</v>
      </c>
    </row>
    <row r="35" spans="2:30" ht="30.75" customHeight="1" x14ac:dyDescent="0.4">
      <c r="B35" s="16" t="s">
        <v>17</v>
      </c>
      <c r="C35" s="42"/>
      <c r="D35" s="44"/>
      <c r="E35" s="36"/>
      <c r="F35" s="28"/>
      <c r="G35" s="28"/>
      <c r="H35" s="36"/>
      <c r="I35" s="36"/>
      <c r="J35" s="38"/>
      <c r="K35" s="46"/>
      <c r="L35" s="36"/>
      <c r="M35" s="28"/>
      <c r="N35" s="28"/>
      <c r="O35" s="36"/>
      <c r="P35" s="36"/>
      <c r="Q35" s="38"/>
      <c r="R35" s="40"/>
      <c r="S35" s="30"/>
      <c r="T35" s="28"/>
      <c r="U35" s="28"/>
      <c r="V35" s="30"/>
      <c r="W35" s="30"/>
      <c r="X35" s="32"/>
      <c r="Y35" s="10"/>
      <c r="Z35" s="10"/>
      <c r="AA35" s="11"/>
      <c r="AB35" s="13"/>
      <c r="AC35" s="5"/>
      <c r="AD35" s="34"/>
    </row>
    <row r="36" spans="2:30" ht="10.5" customHeight="1" x14ac:dyDescent="0.4"/>
  </sheetData>
  <mergeCells count="332">
    <mergeCell ref="AD30:AD31"/>
    <mergeCell ref="C32:C33"/>
    <mergeCell ref="AD32:AD33"/>
    <mergeCell ref="X28:X29"/>
    <mergeCell ref="AD28:AD29"/>
    <mergeCell ref="C30:C31"/>
    <mergeCell ref="D30:D31"/>
    <mergeCell ref="E30:E31"/>
    <mergeCell ref="F30:F31"/>
    <mergeCell ref="G30:G31"/>
    <mergeCell ref="H30:H31"/>
    <mergeCell ref="I30:I31"/>
    <mergeCell ref="J30:J31"/>
    <mergeCell ref="K30:K31"/>
    <mergeCell ref="L30:L31"/>
    <mergeCell ref="M30:M31"/>
    <mergeCell ref="N30:N31"/>
    <mergeCell ref="O30:O31"/>
    <mergeCell ref="P30:P31"/>
    <mergeCell ref="Q30:Q31"/>
    <mergeCell ref="R30:R31"/>
    <mergeCell ref="S30:S31"/>
    <mergeCell ref="T30:T31"/>
    <mergeCell ref="U30:U31"/>
    <mergeCell ref="AD26:AD27"/>
    <mergeCell ref="C28:C29"/>
    <mergeCell ref="D28:D29"/>
    <mergeCell ref="E28:E29"/>
    <mergeCell ref="F28:F29"/>
    <mergeCell ref="G28:G29"/>
    <mergeCell ref="H28:H29"/>
    <mergeCell ref="I28:I29"/>
    <mergeCell ref="J28:J29"/>
    <mergeCell ref="K28:K29"/>
    <mergeCell ref="L28:L29"/>
    <mergeCell ref="M28:M29"/>
    <mergeCell ref="N28:N29"/>
    <mergeCell ref="O28:O29"/>
    <mergeCell ref="P28:P29"/>
    <mergeCell ref="Q28:Q29"/>
    <mergeCell ref="R28:R29"/>
    <mergeCell ref="S28:S29"/>
    <mergeCell ref="T28:T29"/>
    <mergeCell ref="L26:L27"/>
    <mergeCell ref="M26:M27"/>
    <mergeCell ref="N26:N27"/>
    <mergeCell ref="O26:O27"/>
    <mergeCell ref="P26:P27"/>
    <mergeCell ref="V30:V31"/>
    <mergeCell ref="W30:W31"/>
    <mergeCell ref="W26:W27"/>
    <mergeCell ref="C26:C27"/>
    <mergeCell ref="D26:D27"/>
    <mergeCell ref="E26:E27"/>
    <mergeCell ref="F26:F27"/>
    <mergeCell ref="G26:G27"/>
    <mergeCell ref="H26:H27"/>
    <mergeCell ref="I26:I27"/>
    <mergeCell ref="J26:J27"/>
    <mergeCell ref="K26:K27"/>
    <mergeCell ref="C22:C23"/>
    <mergeCell ref="AD22:AD23"/>
    <mergeCell ref="C24:C25"/>
    <mergeCell ref="D24:D25"/>
    <mergeCell ref="E24:E25"/>
    <mergeCell ref="F24:F25"/>
    <mergeCell ref="G24:G25"/>
    <mergeCell ref="H24:H25"/>
    <mergeCell ref="I24:I25"/>
    <mergeCell ref="J24:J25"/>
    <mergeCell ref="K24:K25"/>
    <mergeCell ref="L24:L25"/>
    <mergeCell ref="M24:M25"/>
    <mergeCell ref="N24:N25"/>
    <mergeCell ref="O24:O25"/>
    <mergeCell ref="P24:P25"/>
    <mergeCell ref="Q24:Q25"/>
    <mergeCell ref="U24:U25"/>
    <mergeCell ref="V24:V25"/>
    <mergeCell ref="W24:W25"/>
    <mergeCell ref="X24:X25"/>
    <mergeCell ref="AD24:AD25"/>
    <mergeCell ref="AD18:AD19"/>
    <mergeCell ref="U20:U21"/>
    <mergeCell ref="C20:C21"/>
    <mergeCell ref="D20:D21"/>
    <mergeCell ref="E20:E21"/>
    <mergeCell ref="F20:F21"/>
    <mergeCell ref="G20:G21"/>
    <mergeCell ref="H20:H21"/>
    <mergeCell ref="I20:I21"/>
    <mergeCell ref="J20:J21"/>
    <mergeCell ref="K20:K21"/>
    <mergeCell ref="M20:M21"/>
    <mergeCell ref="N20:N21"/>
    <mergeCell ref="O20:O21"/>
    <mergeCell ref="P20:P21"/>
    <mergeCell ref="Q20:Q21"/>
    <mergeCell ref="R20:R21"/>
    <mergeCell ref="S20:S21"/>
    <mergeCell ref="T20:T21"/>
    <mergeCell ref="V20:V21"/>
    <mergeCell ref="W20:W21"/>
    <mergeCell ref="X20:X21"/>
    <mergeCell ref="AD20:AD21"/>
    <mergeCell ref="C18:C19"/>
    <mergeCell ref="AD14:AD15"/>
    <mergeCell ref="L16:L17"/>
    <mergeCell ref="M16:M17"/>
    <mergeCell ref="N16:N17"/>
    <mergeCell ref="O16:O17"/>
    <mergeCell ref="P16:P17"/>
    <mergeCell ref="Q16:Q17"/>
    <mergeCell ref="R16:R17"/>
    <mergeCell ref="S16:S17"/>
    <mergeCell ref="T16:T17"/>
    <mergeCell ref="U16:U17"/>
    <mergeCell ref="V16:V17"/>
    <mergeCell ref="W16:W17"/>
    <mergeCell ref="AD16:AD17"/>
    <mergeCell ref="X16:X17"/>
    <mergeCell ref="V14:V15"/>
    <mergeCell ref="W14:W15"/>
    <mergeCell ref="X14:X15"/>
    <mergeCell ref="C16:C17"/>
    <mergeCell ref="D16:D17"/>
    <mergeCell ref="E16:E17"/>
    <mergeCell ref="F16:F17"/>
    <mergeCell ref="G16:G17"/>
    <mergeCell ref="H16:H17"/>
    <mergeCell ref="I16:I17"/>
    <mergeCell ref="J16:J17"/>
    <mergeCell ref="K16:K17"/>
    <mergeCell ref="C8:C9"/>
    <mergeCell ref="X10:X11"/>
    <mergeCell ref="AD10:AD11"/>
    <mergeCell ref="C12:C13"/>
    <mergeCell ref="AD12:AD13"/>
    <mergeCell ref="C14:C15"/>
    <mergeCell ref="D14:D15"/>
    <mergeCell ref="E14:E15"/>
    <mergeCell ref="F14:F15"/>
    <mergeCell ref="G14:G15"/>
    <mergeCell ref="H14:H15"/>
    <mergeCell ref="I14:I15"/>
    <mergeCell ref="J14:J15"/>
    <mergeCell ref="K14:K15"/>
    <mergeCell ref="L14:L15"/>
    <mergeCell ref="M14:M15"/>
    <mergeCell ref="N14:N15"/>
    <mergeCell ref="O14:O15"/>
    <mergeCell ref="P14:P15"/>
    <mergeCell ref="Q14:Q15"/>
    <mergeCell ref="R14:R15"/>
    <mergeCell ref="S14:S15"/>
    <mergeCell ref="T14:T15"/>
    <mergeCell ref="U14:U15"/>
    <mergeCell ref="M10:M11"/>
    <mergeCell ref="N10:N11"/>
    <mergeCell ref="O10:O11"/>
    <mergeCell ref="P10:P11"/>
    <mergeCell ref="Q10:Q11"/>
    <mergeCell ref="R10:R11"/>
    <mergeCell ref="S10:S11"/>
    <mergeCell ref="T10:T11"/>
    <mergeCell ref="U10:U11"/>
    <mergeCell ref="C10:C11"/>
    <mergeCell ref="D10:D11"/>
    <mergeCell ref="E10:E11"/>
    <mergeCell ref="F10:F11"/>
    <mergeCell ref="G10:G11"/>
    <mergeCell ref="H10:H11"/>
    <mergeCell ref="I10:I11"/>
    <mergeCell ref="J10:J11"/>
    <mergeCell ref="K10:K11"/>
    <mergeCell ref="V12:V13"/>
    <mergeCell ref="W12:W13"/>
    <mergeCell ref="X12:X13"/>
    <mergeCell ref="M8:M9"/>
    <mergeCell ref="L8:L9"/>
    <mergeCell ref="K8:K9"/>
    <mergeCell ref="W8:W9"/>
    <mergeCell ref="V8:V9"/>
    <mergeCell ref="U8:U9"/>
    <mergeCell ref="T8:T9"/>
    <mergeCell ref="S8:S9"/>
    <mergeCell ref="N12:N13"/>
    <mergeCell ref="O12:O13"/>
    <mergeCell ref="P12:P13"/>
    <mergeCell ref="Q12:Q13"/>
    <mergeCell ref="R12:R13"/>
    <mergeCell ref="S12:S13"/>
    <mergeCell ref="T12:T13"/>
    <mergeCell ref="U12:U13"/>
    <mergeCell ref="V10:V11"/>
    <mergeCell ref="W10:W11"/>
    <mergeCell ref="L12:L13"/>
    <mergeCell ref="M12:M13"/>
    <mergeCell ref="L10:L11"/>
    <mergeCell ref="L20:L21"/>
    <mergeCell ref="W22:W23"/>
    <mergeCell ref="X22:X23"/>
    <mergeCell ref="K22:K23"/>
    <mergeCell ref="L22:L23"/>
    <mergeCell ref="M22:M23"/>
    <mergeCell ref="N22:N23"/>
    <mergeCell ref="O22:O23"/>
    <mergeCell ref="L18:L19"/>
    <mergeCell ref="M18:M19"/>
    <mergeCell ref="N18:N19"/>
    <mergeCell ref="O18:O19"/>
    <mergeCell ref="P18:P19"/>
    <mergeCell ref="Q18:Q19"/>
    <mergeCell ref="R18:R19"/>
    <mergeCell ref="S18:S19"/>
    <mergeCell ref="T18:T19"/>
    <mergeCell ref="U18:U19"/>
    <mergeCell ref="V18:V19"/>
    <mergeCell ref="W18:W19"/>
    <mergeCell ref="X18:X19"/>
    <mergeCell ref="K18:K19"/>
    <mergeCell ref="B2:AD2"/>
    <mergeCell ref="X8:X9"/>
    <mergeCell ref="R5:X7"/>
    <mergeCell ref="Q8:Q9"/>
    <mergeCell ref="C5:C7"/>
    <mergeCell ref="B5:B7"/>
    <mergeCell ref="D5:J5"/>
    <mergeCell ref="K5:Q5"/>
    <mergeCell ref="J8:J9"/>
    <mergeCell ref="I8:I9"/>
    <mergeCell ref="H8:H9"/>
    <mergeCell ref="G8:G9"/>
    <mergeCell ref="F8:F9"/>
    <mergeCell ref="E8:E9"/>
    <mergeCell ref="D8:D9"/>
    <mergeCell ref="P8:P9"/>
    <mergeCell ref="AD8:AD9"/>
    <mergeCell ref="R8:R9"/>
    <mergeCell ref="O8:O9"/>
    <mergeCell ref="N8:N9"/>
    <mergeCell ref="K6:Q7"/>
    <mergeCell ref="D6:J7"/>
    <mergeCell ref="Y5:AA6"/>
    <mergeCell ref="AD5:AD7"/>
    <mergeCell ref="D32:D33"/>
    <mergeCell ref="E32:E33"/>
    <mergeCell ref="F32:F33"/>
    <mergeCell ref="G32:G33"/>
    <mergeCell ref="H32:H33"/>
    <mergeCell ref="I32:I33"/>
    <mergeCell ref="J32:J33"/>
    <mergeCell ref="K32:K33"/>
    <mergeCell ref="L32:L33"/>
    <mergeCell ref="M32:M33"/>
    <mergeCell ref="N32:N33"/>
    <mergeCell ref="O32:O33"/>
    <mergeCell ref="P32:P33"/>
    <mergeCell ref="Q32:Q33"/>
    <mergeCell ref="R32:R33"/>
    <mergeCell ref="S32:S33"/>
    <mergeCell ref="T32:T33"/>
    <mergeCell ref="U32:U33"/>
    <mergeCell ref="V32:V33"/>
    <mergeCell ref="W32:W33"/>
    <mergeCell ref="X32:X33"/>
    <mergeCell ref="V26:V27"/>
    <mergeCell ref="T22:T23"/>
    <mergeCell ref="U22:U23"/>
    <mergeCell ref="V22:V23"/>
    <mergeCell ref="P22:P23"/>
    <mergeCell ref="Q22:Q23"/>
    <mergeCell ref="R22:R23"/>
    <mergeCell ref="S22:S23"/>
    <mergeCell ref="R24:R25"/>
    <mergeCell ref="S24:S25"/>
    <mergeCell ref="T24:T25"/>
    <mergeCell ref="S26:S27"/>
    <mergeCell ref="T26:T27"/>
    <mergeCell ref="U26:U27"/>
    <mergeCell ref="U28:U29"/>
    <mergeCell ref="V28:V29"/>
    <mergeCell ref="W28:W29"/>
    <mergeCell ref="X30:X31"/>
    <mergeCell ref="X26:X27"/>
    <mergeCell ref="Q26:Q27"/>
    <mergeCell ref="R26:R27"/>
    <mergeCell ref="I12:I13"/>
    <mergeCell ref="J12:J13"/>
    <mergeCell ref="D22:D23"/>
    <mergeCell ref="E22:E23"/>
    <mergeCell ref="F22:F23"/>
    <mergeCell ref="G22:G23"/>
    <mergeCell ref="H22:H23"/>
    <mergeCell ref="I22:I23"/>
    <mergeCell ref="K12:K13"/>
    <mergeCell ref="J22:J23"/>
    <mergeCell ref="D12:D13"/>
    <mergeCell ref="E12:E13"/>
    <mergeCell ref="F12:F13"/>
    <mergeCell ref="G12:G13"/>
    <mergeCell ref="H12:H13"/>
    <mergeCell ref="D18:D19"/>
    <mergeCell ref="E18:E19"/>
    <mergeCell ref="F18:F19"/>
    <mergeCell ref="G18:G19"/>
    <mergeCell ref="H18:H19"/>
    <mergeCell ref="I18:I19"/>
    <mergeCell ref="J18:J19"/>
    <mergeCell ref="C34:C35"/>
    <mergeCell ref="D34:D35"/>
    <mergeCell ref="E34:E35"/>
    <mergeCell ref="F34:F35"/>
    <mergeCell ref="G34:G35"/>
    <mergeCell ref="H34:H35"/>
    <mergeCell ref="I34:I35"/>
    <mergeCell ref="J34:J35"/>
    <mergeCell ref="K34:K35"/>
    <mergeCell ref="U34:U35"/>
    <mergeCell ref="V34:V35"/>
    <mergeCell ref="W34:W35"/>
    <mergeCell ref="X34:X35"/>
    <mergeCell ref="AD34:AD35"/>
    <mergeCell ref="L34:L35"/>
    <mergeCell ref="M34:M35"/>
    <mergeCell ref="N34:N35"/>
    <mergeCell ref="O34:O35"/>
    <mergeCell ref="P34:P35"/>
    <mergeCell ref="Q34:Q35"/>
    <mergeCell ref="R34:R35"/>
    <mergeCell ref="S34:S35"/>
    <mergeCell ref="T34:T35"/>
  </mergeCells>
  <phoneticPr fontId="1"/>
  <pageMargins left="0.31496062992125984" right="0.11811023622047245" top="0.55118110236220474" bottom="0.11811023622047245" header="0.31496062992125984" footer="0.31496062992125984"/>
  <pageSetup paperSize="9" scale="5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現金出納台帳</vt:lpstr>
      <vt:lpstr>現金出納台帳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460.山本　雄児</cp:lastModifiedBy>
  <cp:lastPrinted>2020-02-25T10:43:29Z</cp:lastPrinted>
  <dcterms:created xsi:type="dcterms:W3CDTF">2018-01-05T08:28:31Z</dcterms:created>
  <dcterms:modified xsi:type="dcterms:W3CDTF">2020-03-19T05:22:50Z</dcterms:modified>
</cp:coreProperties>
</file>